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２.　保険料・税\ＸＬＳ\"/>
    </mc:Choice>
  </mc:AlternateContent>
  <bookViews>
    <workbookView xWindow="0" yWindow="0" windowWidth="20490" windowHeight="7185"/>
  </bookViews>
  <sheets>
    <sheet name="一人当たり基準総所得金額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一人当たり基準総所得金額!$A$1:$Q$4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3" uniqueCount="72">
  <si>
    <t>２.　保険料・税（１）　調定額・基準総所得金額等の状況</t>
    <rPh sb="12" eb="13">
      <t>チョウ</t>
    </rPh>
    <rPh sb="13" eb="14">
      <t>テイ</t>
    </rPh>
    <rPh sb="14" eb="15">
      <t>ガク</t>
    </rPh>
    <rPh sb="16" eb="18">
      <t>キジュン</t>
    </rPh>
    <rPh sb="18" eb="21">
      <t>ソウショトク</t>
    </rPh>
    <rPh sb="21" eb="23">
      <t>キンガク</t>
    </rPh>
    <rPh sb="23" eb="24">
      <t>トウ</t>
    </rPh>
    <rPh sb="25" eb="27">
      <t>ジョウキョウ</t>
    </rPh>
    <phoneticPr fontId="4"/>
  </si>
  <si>
    <t>・一人当たり基準総所得金額の推移</t>
    <rPh sb="1" eb="3">
      <t>ヒトリ</t>
    </rPh>
    <rPh sb="3" eb="4">
      <t>ア</t>
    </rPh>
    <rPh sb="6" eb="8">
      <t>キジュン</t>
    </rPh>
    <rPh sb="8" eb="11">
      <t>ソウショトク</t>
    </rPh>
    <rPh sb="11" eb="13">
      <t>キンガク</t>
    </rPh>
    <rPh sb="14" eb="16">
      <t>スイイ</t>
    </rPh>
    <phoneticPr fontId="4"/>
  </si>
  <si>
    <t>保険者名</t>
  </si>
  <si>
    <t>24年度（医療分）</t>
    <phoneticPr fontId="4"/>
  </si>
  <si>
    <t>25年度（医療分）</t>
    <phoneticPr fontId="4"/>
  </si>
  <si>
    <t>26年度（医療分）</t>
    <phoneticPr fontId="4"/>
  </si>
  <si>
    <t>27年度（医療分）</t>
    <rPh sb="5" eb="7">
      <t>イリョウ</t>
    </rPh>
    <rPh sb="7" eb="8">
      <t>ブン</t>
    </rPh>
    <phoneticPr fontId="4"/>
  </si>
  <si>
    <t>28年度（医療分）</t>
    <rPh sb="5" eb="7">
      <t>イリョウ</t>
    </rPh>
    <rPh sb="7" eb="8">
      <t>ブン</t>
    </rPh>
    <phoneticPr fontId="4"/>
  </si>
  <si>
    <t>円</t>
  </si>
  <si>
    <t>順</t>
  </si>
  <si>
    <t>円</t>
    <phoneticPr fontId="4"/>
  </si>
  <si>
    <t>順</t>
    <phoneticPr fontId="4"/>
  </si>
  <si>
    <t>23-24</t>
    <phoneticPr fontId="4"/>
  </si>
  <si>
    <t>円</t>
    <rPh sb="0" eb="1">
      <t>エン</t>
    </rPh>
    <phoneticPr fontId="4"/>
  </si>
  <si>
    <t>順</t>
    <phoneticPr fontId="4"/>
  </si>
  <si>
    <t>24→25</t>
  </si>
  <si>
    <t>25→26</t>
  </si>
  <si>
    <t>円</t>
    <phoneticPr fontId="4"/>
  </si>
  <si>
    <t>順</t>
    <phoneticPr fontId="4"/>
  </si>
  <si>
    <t>26→27</t>
    <phoneticPr fontId="4"/>
  </si>
  <si>
    <t>円</t>
    <phoneticPr fontId="4"/>
  </si>
  <si>
    <t>27→28</t>
    <phoneticPr fontId="4"/>
  </si>
  <si>
    <t>伸率%</t>
  </si>
  <si>
    <t>位</t>
  </si>
  <si>
    <t>位</t>
    <rPh sb="0" eb="1">
      <t>イ</t>
    </rPh>
    <phoneticPr fontId="4"/>
  </si>
  <si>
    <t>位</t>
    <phoneticPr fontId="4"/>
  </si>
  <si>
    <t>位</t>
    <phoneticPr fontId="4"/>
  </si>
  <si>
    <t>伸率%</t>
    <phoneticPr fontId="4"/>
  </si>
  <si>
    <t>伸率%</t>
    <phoneticPr fontId="4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－</t>
  </si>
  <si>
    <t>－</t>
    <phoneticPr fontId="4"/>
  </si>
  <si>
    <t>－</t>
    <phoneticPr fontId="4"/>
  </si>
  <si>
    <t xml:space="preserve"> 津久井町</t>
  </si>
  <si>
    <t xml:space="preserve"> 相模湖町</t>
  </si>
  <si>
    <t xml:space="preserve"> 藤野町</t>
  </si>
  <si>
    <t>市    平    均</t>
    <rPh sb="5" eb="6">
      <t>ヒラ</t>
    </rPh>
    <rPh sb="10" eb="11">
      <t>ヒトシ</t>
    </rPh>
    <phoneticPr fontId="4"/>
  </si>
  <si>
    <t>町 村 平 均</t>
    <rPh sb="0" eb="1">
      <t>マチ</t>
    </rPh>
    <rPh sb="2" eb="3">
      <t>ムラ</t>
    </rPh>
    <rPh sb="4" eb="5">
      <t>ヒラ</t>
    </rPh>
    <rPh sb="6" eb="7">
      <t>ヒトシ</t>
    </rPh>
    <phoneticPr fontId="11"/>
  </si>
  <si>
    <t>市町村平均</t>
    <rPh sb="0" eb="3">
      <t>シチョウソン</t>
    </rPh>
    <rPh sb="3" eb="5">
      <t>ヘイキン</t>
    </rPh>
    <phoneticPr fontId="1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;[Red]\-#,##0\ "/>
  </numFmts>
  <fonts count="13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10"/>
      <color indexed="8"/>
      <name val="ＭＳ Ｐゴシック"/>
      <family val="3"/>
      <charset val="128"/>
    </font>
    <font>
      <sz val="10"/>
      <name val="ＭＳ 明朝"/>
      <family val="1"/>
      <charset val="128"/>
    </font>
    <font>
      <sz val="14"/>
      <name val="ＭＳ ゴシック"/>
      <family val="3"/>
      <charset val="128"/>
    </font>
    <font>
      <sz val="14"/>
      <name val="Terminal"/>
      <family val="3"/>
      <charset val="255"/>
    </font>
  </fonts>
  <fills count="2">
    <fill>
      <patternFill patternType="none"/>
    </fill>
    <fill>
      <patternFill patternType="gray125"/>
    </fill>
  </fills>
  <borders count="63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7" fontId="12" fillId="0" borderId="0"/>
  </cellStyleXfs>
  <cellXfs count="145">
    <xf numFmtId="0" fontId="0" fillId="0" borderId="0" xfId="0"/>
    <xf numFmtId="38" fontId="2" fillId="0" borderId="0" xfId="1" applyFont="1"/>
    <xf numFmtId="38" fontId="5" fillId="0" borderId="0" xfId="1" applyFont="1"/>
    <xf numFmtId="38" fontId="6" fillId="0" borderId="0" xfId="1" applyFont="1"/>
    <xf numFmtId="38" fontId="5" fillId="0" borderId="4" xfId="1" applyFont="1" applyBorder="1" applyAlignment="1">
      <alignment horizontal="centerContinuous"/>
    </xf>
    <xf numFmtId="38" fontId="5" fillId="0" borderId="3" xfId="1" quotePrefix="1" applyFont="1" applyBorder="1" applyAlignment="1">
      <alignment horizontal="centerContinuous"/>
    </xf>
    <xf numFmtId="38" fontId="5" fillId="0" borderId="6" xfId="1" applyFont="1" applyBorder="1" applyAlignment="1">
      <alignment horizontal="centerContinuous"/>
    </xf>
    <xf numFmtId="38" fontId="5" fillId="0" borderId="9" xfId="1" quotePrefix="1" applyFont="1" applyBorder="1" applyAlignment="1">
      <alignment horizontal="center"/>
    </xf>
    <xf numFmtId="38" fontId="5" fillId="0" borderId="9" xfId="1" applyFont="1" applyBorder="1" applyAlignment="1">
      <alignment horizontal="center" shrinkToFit="1"/>
    </xf>
    <xf numFmtId="38" fontId="5" fillId="0" borderId="11" xfId="1" applyFont="1" applyBorder="1" applyAlignment="1">
      <alignment horizontal="center"/>
    </xf>
    <xf numFmtId="38" fontId="5" fillId="0" borderId="16" xfId="1" applyFont="1" applyBorder="1" applyAlignment="1">
      <alignment horizontal="center"/>
    </xf>
    <xf numFmtId="38" fontId="5" fillId="0" borderId="16" xfId="1" applyFont="1" applyBorder="1" applyAlignment="1">
      <alignment horizontal="center" shrinkToFit="1"/>
    </xf>
    <xf numFmtId="38" fontId="5" fillId="0" borderId="15" xfId="1" applyFont="1" applyBorder="1" applyAlignment="1">
      <alignment horizontal="center"/>
    </xf>
    <xf numFmtId="38" fontId="5" fillId="0" borderId="14" xfId="1" applyFont="1" applyBorder="1" applyAlignment="1">
      <alignment horizontal="center"/>
    </xf>
    <xf numFmtId="38" fontId="5" fillId="0" borderId="17" xfId="1" quotePrefix="1" applyFont="1" applyBorder="1" applyAlignment="1">
      <alignment horizontal="center"/>
    </xf>
    <xf numFmtId="38" fontId="5" fillId="0" borderId="9" xfId="1" applyFont="1" applyBorder="1" applyAlignment="1">
      <alignment horizontal="centerContinuous"/>
    </xf>
    <xf numFmtId="38" fontId="5" fillId="0" borderId="9" xfId="1" applyFont="1" applyBorder="1" applyAlignment="1">
      <alignment horizontal="center"/>
    </xf>
    <xf numFmtId="38" fontId="5" fillId="0" borderId="12" xfId="1" applyFont="1" applyBorder="1" applyAlignment="1">
      <alignment horizontal="center"/>
    </xf>
    <xf numFmtId="38" fontId="5" fillId="0" borderId="23" xfId="1" applyFont="1" applyBorder="1" applyAlignment="1">
      <alignment horizontal="centerContinuous"/>
    </xf>
    <xf numFmtId="38" fontId="5" fillId="0" borderId="0" xfId="1" applyFont="1" applyBorder="1" applyAlignment="1">
      <alignment horizontal="centerContinuous"/>
    </xf>
    <xf numFmtId="38" fontId="5" fillId="0" borderId="0" xfId="1" applyFont="1" applyBorder="1" applyAlignment="1">
      <alignment horizontal="left"/>
    </xf>
    <xf numFmtId="38" fontId="5" fillId="0" borderId="17" xfId="1" applyFont="1" applyBorder="1" applyAlignment="1">
      <alignment horizontal="centerContinuous"/>
    </xf>
    <xf numFmtId="38" fontId="7" fillId="0" borderId="7" xfId="1" applyFont="1" applyBorder="1"/>
    <xf numFmtId="38" fontId="8" fillId="0" borderId="25" xfId="1" applyFont="1" applyBorder="1"/>
    <xf numFmtId="38" fontId="5" fillId="0" borderId="27" xfId="1" applyFont="1" applyBorder="1"/>
    <xf numFmtId="38" fontId="5" fillId="0" borderId="26" xfId="1" applyNumberFormat="1" applyFont="1" applyBorder="1"/>
    <xf numFmtId="38" fontId="5" fillId="0" borderId="28" xfId="1" applyFont="1" applyBorder="1"/>
    <xf numFmtId="38" fontId="5" fillId="0" borderId="29" xfId="1" applyNumberFormat="1" applyFont="1" applyBorder="1"/>
    <xf numFmtId="38" fontId="5" fillId="0" borderId="28" xfId="1" applyNumberFormat="1" applyFont="1" applyBorder="1"/>
    <xf numFmtId="38" fontId="5" fillId="0" borderId="29" xfId="1" applyFont="1" applyBorder="1"/>
    <xf numFmtId="176" fontId="5" fillId="0" borderId="31" xfId="1" applyNumberFormat="1" applyFont="1" applyBorder="1"/>
    <xf numFmtId="38" fontId="7" fillId="0" borderId="33" xfId="1" applyFont="1" applyBorder="1"/>
    <xf numFmtId="38" fontId="8" fillId="0" borderId="34" xfId="1" applyFont="1" applyBorder="1"/>
    <xf numFmtId="38" fontId="5" fillId="0" borderId="36" xfId="1" applyFont="1" applyBorder="1"/>
    <xf numFmtId="38" fontId="5" fillId="0" borderId="35" xfId="1" applyNumberFormat="1" applyFont="1" applyBorder="1"/>
    <xf numFmtId="38" fontId="5" fillId="0" borderId="37" xfId="1" applyNumberFormat="1" applyFont="1" applyBorder="1"/>
    <xf numFmtId="38" fontId="5" fillId="0" borderId="39" xfId="1" applyNumberFormat="1" applyFont="1" applyBorder="1"/>
    <xf numFmtId="38" fontId="5" fillId="0" borderId="38" xfId="1" applyNumberFormat="1" applyFont="1" applyBorder="1"/>
    <xf numFmtId="38" fontId="5" fillId="0" borderId="39" xfId="1" applyFont="1" applyBorder="1"/>
    <xf numFmtId="38" fontId="5" fillId="0" borderId="38" xfId="1" applyFont="1" applyBorder="1"/>
    <xf numFmtId="176" fontId="5" fillId="0" borderId="37" xfId="1" applyNumberFormat="1" applyFont="1" applyBorder="1"/>
    <xf numFmtId="38" fontId="5" fillId="0" borderId="22" xfId="1" applyNumberFormat="1" applyFont="1" applyBorder="1"/>
    <xf numFmtId="38" fontId="5" fillId="0" borderId="24" xfId="1" applyFont="1" applyBorder="1"/>
    <xf numFmtId="38" fontId="5" fillId="0" borderId="24" xfId="1" applyNumberFormat="1" applyFont="1" applyBorder="1"/>
    <xf numFmtId="38" fontId="5" fillId="0" borderId="21" xfId="1" applyNumberFormat="1" applyFont="1" applyBorder="1"/>
    <xf numFmtId="38" fontId="5" fillId="0" borderId="43" xfId="1" applyFont="1" applyBorder="1"/>
    <xf numFmtId="38" fontId="5" fillId="0" borderId="21" xfId="1" applyFont="1" applyBorder="1"/>
    <xf numFmtId="176" fontId="5" fillId="0" borderId="20" xfId="1" applyNumberFormat="1" applyFont="1" applyBorder="1"/>
    <xf numFmtId="38" fontId="7" fillId="0" borderId="25" xfId="1" applyFont="1" applyBorder="1"/>
    <xf numFmtId="38" fontId="5" fillId="0" borderId="24" xfId="1" applyNumberFormat="1" applyFont="1" applyBorder="1" applyAlignment="1">
      <alignment horizontal="center"/>
    </xf>
    <xf numFmtId="40" fontId="5" fillId="0" borderId="24" xfId="1" applyNumberFormat="1" applyFont="1" applyBorder="1" applyAlignment="1">
      <alignment horizontal="center"/>
    </xf>
    <xf numFmtId="38" fontId="5" fillId="0" borderId="20" xfId="1" applyFont="1" applyBorder="1" applyAlignment="1">
      <alignment horizontal="center"/>
    </xf>
    <xf numFmtId="38" fontId="5" fillId="0" borderId="43" xfId="1" applyFont="1" applyBorder="1" applyAlignment="1">
      <alignment horizontal="center"/>
    </xf>
    <xf numFmtId="38" fontId="5" fillId="0" borderId="21" xfId="1" applyNumberFormat="1" applyFont="1" applyBorder="1" applyAlignment="1">
      <alignment horizontal="center"/>
    </xf>
    <xf numFmtId="38" fontId="5" fillId="0" borderId="24" xfId="1" applyFont="1" applyBorder="1" applyAlignment="1">
      <alignment horizontal="center"/>
    </xf>
    <xf numFmtId="38" fontId="5" fillId="0" borderId="21" xfId="1" applyFont="1" applyBorder="1" applyAlignment="1">
      <alignment horizontal="center"/>
    </xf>
    <xf numFmtId="176" fontId="5" fillId="0" borderId="20" xfId="1" applyNumberFormat="1" applyFont="1" applyBorder="1" applyAlignment="1">
      <alignment horizontal="center"/>
    </xf>
    <xf numFmtId="38" fontId="5" fillId="0" borderId="31" xfId="1" applyFont="1" applyBorder="1" applyAlignment="1">
      <alignment horizontal="center"/>
    </xf>
    <xf numFmtId="38" fontId="5" fillId="0" borderId="28" xfId="1" applyNumberFormat="1" applyFont="1" applyBorder="1" applyAlignment="1">
      <alignment horizontal="center"/>
    </xf>
    <xf numFmtId="40" fontId="5" fillId="0" borderId="29" xfId="1" applyNumberFormat="1" applyFont="1" applyBorder="1" applyAlignment="1">
      <alignment horizontal="center"/>
    </xf>
    <xf numFmtId="38" fontId="5" fillId="0" borderId="27" xfId="1" applyFont="1" applyBorder="1" applyAlignment="1">
      <alignment horizontal="center"/>
    </xf>
    <xf numFmtId="38" fontId="5" fillId="0" borderId="29" xfId="1" applyNumberFormat="1" applyFont="1" applyBorder="1" applyAlignment="1">
      <alignment horizontal="center"/>
    </xf>
    <xf numFmtId="38" fontId="5" fillId="0" borderId="29" xfId="1" applyFont="1" applyBorder="1" applyAlignment="1">
      <alignment horizontal="center"/>
    </xf>
    <xf numFmtId="38" fontId="5" fillId="0" borderId="28" xfId="1" applyFont="1" applyBorder="1" applyAlignment="1">
      <alignment horizontal="center"/>
    </xf>
    <xf numFmtId="176" fontId="5" fillId="0" borderId="31" xfId="1" applyNumberFormat="1" applyFont="1" applyBorder="1" applyAlignment="1">
      <alignment horizontal="center"/>
    </xf>
    <xf numFmtId="38" fontId="7" fillId="0" borderId="34" xfId="1" applyFont="1" applyBorder="1"/>
    <xf numFmtId="38" fontId="5" fillId="0" borderId="39" xfId="1" applyNumberFormat="1" applyFont="1" applyBorder="1" applyAlignment="1">
      <alignment horizontal="center"/>
    </xf>
    <xf numFmtId="40" fontId="5" fillId="0" borderId="39" xfId="1" applyNumberFormat="1" applyFont="1" applyBorder="1" applyAlignment="1">
      <alignment horizontal="center"/>
    </xf>
    <xf numFmtId="38" fontId="5" fillId="0" borderId="37" xfId="1" applyFont="1" applyBorder="1" applyAlignment="1">
      <alignment horizontal="center"/>
    </xf>
    <xf numFmtId="38" fontId="5" fillId="0" borderId="36" xfId="1" applyFont="1" applyBorder="1" applyAlignment="1">
      <alignment horizontal="center"/>
    </xf>
    <xf numFmtId="38" fontId="5" fillId="0" borderId="38" xfId="1" applyNumberFormat="1" applyFont="1" applyBorder="1" applyAlignment="1">
      <alignment horizontal="center"/>
    </xf>
    <xf numFmtId="38" fontId="5" fillId="0" borderId="39" xfId="1" applyFont="1" applyBorder="1" applyAlignment="1">
      <alignment horizontal="center"/>
    </xf>
    <xf numFmtId="38" fontId="5" fillId="0" borderId="38" xfId="1" applyFont="1" applyBorder="1" applyAlignment="1">
      <alignment horizontal="center"/>
    </xf>
    <xf numFmtId="176" fontId="5" fillId="0" borderId="37" xfId="1" applyNumberFormat="1" applyFont="1" applyBorder="1" applyAlignment="1">
      <alignment horizontal="center"/>
    </xf>
    <xf numFmtId="38" fontId="5" fillId="0" borderId="47" xfId="1" applyFont="1" applyBorder="1"/>
    <xf numFmtId="40" fontId="5" fillId="0" borderId="48" xfId="1" applyNumberFormat="1" applyFont="1" applyBorder="1"/>
    <xf numFmtId="38" fontId="5" fillId="0" borderId="49" xfId="1" applyNumberFormat="1" applyFont="1" applyBorder="1"/>
    <xf numFmtId="38" fontId="5" fillId="0" borderId="0" xfId="1" applyNumberFormat="1" applyFont="1" applyBorder="1"/>
    <xf numFmtId="40" fontId="5" fillId="0" borderId="0" xfId="1" applyNumberFormat="1" applyFont="1" applyBorder="1"/>
    <xf numFmtId="38" fontId="5" fillId="0" borderId="50" xfId="1" applyNumberFormat="1" applyFont="1" applyBorder="1"/>
    <xf numFmtId="38" fontId="5" fillId="0" borderId="51" xfId="1" applyFont="1" applyBorder="1"/>
    <xf numFmtId="38" fontId="5" fillId="0" borderId="23" xfId="1" applyNumberFormat="1" applyFont="1" applyBorder="1"/>
    <xf numFmtId="38" fontId="5" fillId="0" borderId="0" xfId="1" applyFont="1" applyBorder="1"/>
    <xf numFmtId="38" fontId="5" fillId="0" borderId="23" xfId="1" applyFont="1" applyBorder="1"/>
    <xf numFmtId="176" fontId="5" fillId="0" borderId="52" xfId="1" applyNumberFormat="1" applyFont="1" applyBorder="1"/>
    <xf numFmtId="38" fontId="5" fillId="0" borderId="48" xfId="1" applyNumberFormat="1" applyFont="1" applyBorder="1"/>
    <xf numFmtId="38" fontId="5" fillId="0" borderId="47" xfId="1" applyNumberFormat="1" applyFont="1" applyBorder="1"/>
    <xf numFmtId="38" fontId="5" fillId="0" borderId="48" xfId="1" applyFont="1" applyBorder="1"/>
    <xf numFmtId="176" fontId="5" fillId="0" borderId="49" xfId="1" applyNumberFormat="1" applyFont="1" applyBorder="1"/>
    <xf numFmtId="38" fontId="5" fillId="0" borderId="57" xfId="1" applyFont="1" applyBorder="1"/>
    <xf numFmtId="38" fontId="5" fillId="0" borderId="58" xfId="1" applyFont="1" applyBorder="1"/>
    <xf numFmtId="40" fontId="5" fillId="0" borderId="59" xfId="1" applyNumberFormat="1" applyFont="1" applyBorder="1"/>
    <xf numFmtId="38" fontId="5" fillId="0" borderId="60" xfId="1" applyNumberFormat="1" applyFont="1" applyBorder="1"/>
    <xf numFmtId="38" fontId="5" fillId="0" borderId="59" xfId="1" applyNumberFormat="1" applyFont="1" applyBorder="1"/>
    <xf numFmtId="38" fontId="5" fillId="0" borderId="58" xfId="1" applyNumberFormat="1" applyFont="1" applyBorder="1"/>
    <xf numFmtId="38" fontId="5" fillId="0" borderId="59" xfId="1" applyFont="1" applyBorder="1"/>
    <xf numFmtId="176" fontId="5" fillId="0" borderId="60" xfId="1" applyNumberFormat="1" applyFont="1" applyBorder="1"/>
    <xf numFmtId="37" fontId="6" fillId="0" borderId="0" xfId="2" applyFont="1"/>
    <xf numFmtId="4" fontId="5" fillId="0" borderId="30" xfId="1" applyNumberFormat="1" applyFont="1" applyBorder="1"/>
    <xf numFmtId="4" fontId="5" fillId="0" borderId="40" xfId="1" applyNumberFormat="1" applyFont="1" applyBorder="1"/>
    <xf numFmtId="4" fontId="5" fillId="0" borderId="42" xfId="1" applyNumberFormat="1" applyFont="1" applyBorder="1"/>
    <xf numFmtId="4" fontId="5" fillId="0" borderId="42" xfId="1" applyNumberFormat="1" applyFont="1" applyBorder="1" applyAlignment="1">
      <alignment horizontal="center"/>
    </xf>
    <xf numFmtId="4" fontId="5" fillId="0" borderId="30" xfId="1" applyNumberFormat="1" applyFont="1" applyBorder="1" applyAlignment="1">
      <alignment horizontal="center"/>
    </xf>
    <xf numFmtId="4" fontId="5" fillId="0" borderId="40" xfId="1" applyNumberFormat="1" applyFont="1" applyBorder="1" applyAlignment="1">
      <alignment horizontal="center"/>
    </xf>
    <xf numFmtId="4" fontId="5" fillId="0" borderId="12" xfId="1" applyNumberFormat="1" applyFont="1" applyBorder="1"/>
    <xf numFmtId="4" fontId="5" fillId="0" borderId="53" xfId="1" applyNumberFormat="1" applyFont="1" applyBorder="1"/>
    <xf numFmtId="4" fontId="5" fillId="0" borderId="61" xfId="1" applyNumberFormat="1" applyFont="1" applyBorder="1"/>
    <xf numFmtId="4" fontId="5" fillId="0" borderId="29" xfId="1" applyNumberFormat="1" applyFont="1" applyBorder="1"/>
    <xf numFmtId="4" fontId="5" fillId="0" borderId="39" xfId="1" applyNumberFormat="1" applyFont="1" applyBorder="1"/>
    <xf numFmtId="4" fontId="5" fillId="0" borderId="24" xfId="1" applyNumberFormat="1" applyFont="1" applyBorder="1"/>
    <xf numFmtId="4" fontId="5" fillId="0" borderId="24" xfId="1" applyNumberFormat="1" applyFont="1" applyBorder="1" applyAlignment="1">
      <alignment horizontal="center"/>
    </xf>
    <xf numFmtId="4" fontId="5" fillId="0" borderId="29" xfId="1" applyNumberFormat="1" applyFont="1" applyBorder="1" applyAlignment="1">
      <alignment horizontal="center"/>
    </xf>
    <xf numFmtId="4" fontId="5" fillId="0" borderId="39" xfId="1" applyNumberFormat="1" applyFont="1" applyBorder="1" applyAlignment="1">
      <alignment horizontal="center"/>
    </xf>
    <xf numFmtId="4" fontId="5" fillId="0" borderId="0" xfId="1" applyNumberFormat="1" applyFont="1" applyBorder="1"/>
    <xf numFmtId="4" fontId="5" fillId="0" borderId="48" xfId="1" applyNumberFormat="1" applyFont="1" applyBorder="1"/>
    <xf numFmtId="4" fontId="5" fillId="0" borderId="59" xfId="1" applyNumberFormat="1" applyFont="1" applyBorder="1"/>
    <xf numFmtId="4" fontId="5" fillId="0" borderId="32" xfId="1" applyNumberFormat="1" applyFont="1" applyBorder="1"/>
    <xf numFmtId="4" fontId="5" fillId="0" borderId="41" xfId="1" applyNumberFormat="1" applyFont="1" applyBorder="1"/>
    <xf numFmtId="4" fontId="5" fillId="0" borderId="44" xfId="1" applyNumberFormat="1" applyFont="1" applyBorder="1"/>
    <xf numFmtId="4" fontId="5" fillId="0" borderId="44" xfId="1" applyNumberFormat="1" applyFont="1" applyBorder="1" applyAlignment="1">
      <alignment horizontal="center"/>
    </xf>
    <xf numFmtId="4" fontId="5" fillId="0" borderId="32" xfId="1" applyNumberFormat="1" applyFont="1" applyBorder="1" applyAlignment="1">
      <alignment horizontal="center"/>
    </xf>
    <xf numFmtId="4" fontId="5" fillId="0" borderId="41" xfId="1" applyNumberFormat="1" applyFont="1" applyBorder="1" applyAlignment="1">
      <alignment horizontal="center"/>
    </xf>
    <xf numFmtId="4" fontId="5" fillId="0" borderId="17" xfId="1" applyNumberFormat="1" applyFont="1" applyBorder="1"/>
    <xf numFmtId="4" fontId="5" fillId="0" borderId="54" xfId="1" applyNumberFormat="1" applyFont="1" applyBorder="1"/>
    <xf numFmtId="4" fontId="5" fillId="0" borderId="62" xfId="1" applyNumberFormat="1" applyFont="1" applyBorder="1"/>
    <xf numFmtId="38" fontId="5" fillId="0" borderId="3" xfId="1" quotePrefix="1" applyFont="1" applyBorder="1" applyAlignment="1">
      <alignment horizontal="center"/>
    </xf>
    <xf numFmtId="38" fontId="5" fillId="0" borderId="4" xfId="1" applyFont="1" applyBorder="1" applyAlignment="1">
      <alignment horizontal="center"/>
    </xf>
    <xf numFmtId="38" fontId="5" fillId="0" borderId="5" xfId="1" applyFont="1" applyBorder="1" applyAlignment="1">
      <alignment horizontal="center"/>
    </xf>
    <xf numFmtId="38" fontId="5" fillId="0" borderId="3" xfId="1" applyFont="1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/>
    </xf>
    <xf numFmtId="38" fontId="5" fillId="0" borderId="1" xfId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7" xfId="0" applyBorder="1" applyAlignment="1">
      <alignment horizontal="distributed" vertical="center" justifyLastLine="1"/>
    </xf>
    <xf numFmtId="0" fontId="0" fillId="0" borderId="8" xfId="0" applyBorder="1" applyAlignment="1">
      <alignment horizontal="distributed" vertical="center" justifyLastLine="1"/>
    </xf>
    <xf numFmtId="0" fontId="0" fillId="0" borderId="18" xfId="0" applyBorder="1" applyAlignment="1">
      <alignment horizontal="distributed" vertical="center" justifyLastLine="1"/>
    </xf>
    <xf numFmtId="0" fontId="0" fillId="0" borderId="19" xfId="0" applyBorder="1" applyAlignment="1">
      <alignment horizontal="distributed" vertical="center" justifyLastLine="1"/>
    </xf>
    <xf numFmtId="38" fontId="5" fillId="0" borderId="10" xfId="1" applyFont="1" applyBorder="1" applyAlignment="1">
      <alignment horizontal="center" vertical="center"/>
    </xf>
    <xf numFmtId="38" fontId="5" fillId="0" borderId="20" xfId="1" applyFont="1" applyBorder="1" applyAlignment="1">
      <alignment horizontal="center" vertical="center"/>
    </xf>
    <xf numFmtId="38" fontId="9" fillId="0" borderId="45" xfId="1" applyFont="1" applyFill="1" applyBorder="1" applyAlignment="1">
      <alignment horizontal="distributed" justifyLastLine="1"/>
    </xf>
    <xf numFmtId="0" fontId="10" fillId="0" borderId="46" xfId="0" applyFont="1" applyBorder="1" applyAlignment="1">
      <alignment horizontal="distributed" justifyLastLine="1"/>
    </xf>
    <xf numFmtId="38" fontId="9" fillId="0" borderId="55" xfId="1" applyFont="1" applyFill="1" applyBorder="1" applyAlignment="1">
      <alignment horizontal="distributed" justifyLastLine="1"/>
    </xf>
    <xf numFmtId="0" fontId="10" fillId="0" borderId="56" xfId="0" applyFont="1" applyBorder="1" applyAlignment="1">
      <alignment horizontal="distributed" justifyLastLine="1"/>
    </xf>
    <xf numFmtId="38" fontId="5" fillId="0" borderId="13" xfId="1" applyFont="1" applyBorder="1" applyAlignment="1">
      <alignment horizontal="center"/>
    </xf>
    <xf numFmtId="0" fontId="0" fillId="0" borderId="22" xfId="0" applyBorder="1" applyAlignment="1"/>
  </cellXfs>
  <cellStyles count="3">
    <cellStyle name="桁区切り" xfId="1" builtinId="6"/>
    <cellStyle name="標準" xfId="0" builtinId="0"/>
    <cellStyle name="標準_単独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47"/>
  <sheetViews>
    <sheetView tabSelected="1" view="pageBreakPreview" zoomScaleNormal="100" zoomScaleSheetLayoutView="100" workbookViewId="0">
      <selection activeCell="B2" sqref="B2"/>
    </sheetView>
  </sheetViews>
  <sheetFormatPr defaultRowHeight="11.25" x14ac:dyDescent="0.15"/>
  <cols>
    <col min="1" max="1" width="3.625" style="2" customWidth="1"/>
    <col min="2" max="2" width="9.875" style="2" customWidth="1"/>
    <col min="3" max="3" width="8.125" style="2" customWidth="1"/>
    <col min="4" max="4" width="3.125" style="2" customWidth="1"/>
    <col min="5" max="5" width="5.75" style="2" customWidth="1"/>
    <col min="6" max="6" width="8.125" style="2" customWidth="1"/>
    <col min="7" max="7" width="3.125" style="2" customWidth="1"/>
    <col min="8" max="8" width="5.75" style="2" customWidth="1"/>
    <col min="9" max="9" width="8.125" style="2" customWidth="1"/>
    <col min="10" max="10" width="3.125" style="2" customWidth="1"/>
    <col min="11" max="11" width="5.75" style="2" customWidth="1"/>
    <col min="12" max="12" width="8.125" style="2" customWidth="1"/>
    <col min="13" max="13" width="3.125" style="2" customWidth="1"/>
    <col min="14" max="14" width="5.75" style="2" customWidth="1"/>
    <col min="15" max="15" width="8.125" style="2" customWidth="1"/>
    <col min="16" max="16" width="3.125" style="2" customWidth="1"/>
    <col min="17" max="17" width="5.75" style="2" customWidth="1"/>
    <col min="18" max="18" width="4" style="2" customWidth="1"/>
    <col min="19" max="16384" width="9" style="2"/>
  </cols>
  <sheetData>
    <row r="1" spans="1:18" ht="15.75" customHeight="1" x14ac:dyDescent="0.15">
      <c r="A1" s="1" t="s">
        <v>0</v>
      </c>
      <c r="O1" s="3"/>
      <c r="P1" s="3"/>
      <c r="Q1" s="3"/>
      <c r="R1" s="3"/>
    </row>
    <row r="2" spans="1:18" ht="15.75" customHeight="1" thickBot="1" x14ac:dyDescent="0.2">
      <c r="A2" s="1"/>
      <c r="B2" s="1" t="s">
        <v>1</v>
      </c>
      <c r="O2" s="3"/>
      <c r="P2" s="3"/>
      <c r="Q2" s="3"/>
      <c r="R2" s="3"/>
    </row>
    <row r="3" spans="1:18" ht="15" customHeight="1" x14ac:dyDescent="0.15">
      <c r="A3" s="131" t="s">
        <v>2</v>
      </c>
      <c r="B3" s="132"/>
      <c r="C3" s="125" t="s">
        <v>3</v>
      </c>
      <c r="D3" s="126"/>
      <c r="E3" s="126"/>
      <c r="F3" s="125" t="s">
        <v>4</v>
      </c>
      <c r="G3" s="126"/>
      <c r="H3" s="127"/>
      <c r="I3" s="125" t="s">
        <v>5</v>
      </c>
      <c r="J3" s="126"/>
      <c r="K3" s="127"/>
      <c r="L3" s="128" t="s">
        <v>6</v>
      </c>
      <c r="M3" s="129"/>
      <c r="N3" s="130"/>
      <c r="O3" s="5" t="s">
        <v>7</v>
      </c>
      <c r="P3" s="4"/>
      <c r="Q3" s="6"/>
    </row>
    <row r="4" spans="1:18" ht="15" customHeight="1" x14ac:dyDescent="0.15">
      <c r="A4" s="133"/>
      <c r="B4" s="134"/>
      <c r="C4" s="143" t="s">
        <v>10</v>
      </c>
      <c r="D4" s="9" t="s">
        <v>11</v>
      </c>
      <c r="E4" s="10" t="s">
        <v>12</v>
      </c>
      <c r="F4" s="143" t="s">
        <v>13</v>
      </c>
      <c r="G4" s="11" t="s">
        <v>14</v>
      </c>
      <c r="H4" s="12" t="s">
        <v>15</v>
      </c>
      <c r="I4" s="13" t="s">
        <v>8</v>
      </c>
      <c r="J4" s="9" t="s">
        <v>9</v>
      </c>
      <c r="K4" s="13" t="s">
        <v>16</v>
      </c>
      <c r="L4" s="137" t="s">
        <v>17</v>
      </c>
      <c r="M4" s="8" t="s">
        <v>18</v>
      </c>
      <c r="N4" s="7" t="s">
        <v>19</v>
      </c>
      <c r="O4" s="137" t="s">
        <v>20</v>
      </c>
      <c r="P4" s="8" t="s">
        <v>14</v>
      </c>
      <c r="Q4" s="14" t="s">
        <v>21</v>
      </c>
    </row>
    <row r="5" spans="1:18" ht="15" customHeight="1" x14ac:dyDescent="0.15">
      <c r="A5" s="135"/>
      <c r="B5" s="136"/>
      <c r="C5" s="144"/>
      <c r="D5" s="18" t="s">
        <v>24</v>
      </c>
      <c r="E5" s="16" t="s">
        <v>22</v>
      </c>
      <c r="F5" s="144"/>
      <c r="G5" s="8" t="s">
        <v>25</v>
      </c>
      <c r="H5" s="17" t="s">
        <v>22</v>
      </c>
      <c r="I5" s="19"/>
      <c r="J5" s="18" t="s">
        <v>23</v>
      </c>
      <c r="K5" s="20" t="s">
        <v>22</v>
      </c>
      <c r="L5" s="138"/>
      <c r="M5" s="8" t="s">
        <v>26</v>
      </c>
      <c r="N5" s="15" t="s">
        <v>27</v>
      </c>
      <c r="O5" s="138"/>
      <c r="P5" s="8" t="s">
        <v>25</v>
      </c>
      <c r="Q5" s="21" t="s">
        <v>28</v>
      </c>
    </row>
    <row r="6" spans="1:18" ht="21.95" customHeight="1" x14ac:dyDescent="0.15">
      <c r="A6" s="22">
        <v>1</v>
      </c>
      <c r="B6" s="23" t="s">
        <v>29</v>
      </c>
      <c r="C6" s="27">
        <v>910010</v>
      </c>
      <c r="D6" s="28">
        <v>5</v>
      </c>
      <c r="E6" s="98">
        <v>1.1599999999999999</v>
      </c>
      <c r="F6" s="29">
        <v>914695</v>
      </c>
      <c r="G6" s="24">
        <v>5</v>
      </c>
      <c r="H6" s="98">
        <v>0.51</v>
      </c>
      <c r="I6" s="29">
        <v>939402</v>
      </c>
      <c r="J6" s="26">
        <v>5</v>
      </c>
      <c r="K6" s="107">
        <v>2.7</v>
      </c>
      <c r="L6" s="30">
        <v>937668</v>
      </c>
      <c r="M6" s="27">
        <v>5</v>
      </c>
      <c r="N6" s="98">
        <v>-0.18</v>
      </c>
      <c r="O6" s="25">
        <v>936044</v>
      </c>
      <c r="P6" s="24">
        <v>6</v>
      </c>
      <c r="Q6" s="116">
        <v>-0.17</v>
      </c>
      <c r="R6" s="3"/>
    </row>
    <row r="7" spans="1:18" ht="21.95" customHeight="1" x14ac:dyDescent="0.15">
      <c r="A7" s="22">
        <v>2</v>
      </c>
      <c r="B7" s="23" t="s">
        <v>30</v>
      </c>
      <c r="C7" s="27">
        <v>935160</v>
      </c>
      <c r="D7" s="28">
        <v>4</v>
      </c>
      <c r="E7" s="98">
        <v>-0.69</v>
      </c>
      <c r="F7" s="29">
        <v>945966</v>
      </c>
      <c r="G7" s="24">
        <v>3</v>
      </c>
      <c r="H7" s="98">
        <v>1.1599999999999999</v>
      </c>
      <c r="I7" s="29">
        <v>988808</v>
      </c>
      <c r="J7" s="26">
        <v>4</v>
      </c>
      <c r="K7" s="107">
        <v>4.53</v>
      </c>
      <c r="L7" s="30">
        <v>989273</v>
      </c>
      <c r="M7" s="27">
        <v>3</v>
      </c>
      <c r="N7" s="98">
        <v>0.05</v>
      </c>
      <c r="O7" s="25">
        <v>994591</v>
      </c>
      <c r="P7" s="24">
        <v>4</v>
      </c>
      <c r="Q7" s="116">
        <v>0.54</v>
      </c>
      <c r="R7" s="3"/>
    </row>
    <row r="8" spans="1:18" ht="21.95" customHeight="1" x14ac:dyDescent="0.15">
      <c r="A8" s="22">
        <v>3</v>
      </c>
      <c r="B8" s="23" t="s">
        <v>31</v>
      </c>
      <c r="C8" s="27">
        <v>689492</v>
      </c>
      <c r="D8" s="28">
        <v>29</v>
      </c>
      <c r="E8" s="98">
        <v>-0.27</v>
      </c>
      <c r="F8" s="29">
        <v>680439</v>
      </c>
      <c r="G8" s="24">
        <v>32</v>
      </c>
      <c r="H8" s="98">
        <v>-1.31</v>
      </c>
      <c r="I8" s="29">
        <v>687217</v>
      </c>
      <c r="J8" s="26">
        <v>32</v>
      </c>
      <c r="K8" s="107">
        <v>1</v>
      </c>
      <c r="L8" s="30">
        <v>666118</v>
      </c>
      <c r="M8" s="27">
        <v>33</v>
      </c>
      <c r="N8" s="98">
        <v>-3.07</v>
      </c>
      <c r="O8" s="25">
        <v>677040</v>
      </c>
      <c r="P8" s="24">
        <v>33</v>
      </c>
      <c r="Q8" s="116">
        <v>1.64</v>
      </c>
    </row>
    <row r="9" spans="1:18" ht="21.95" customHeight="1" x14ac:dyDescent="0.15">
      <c r="A9" s="22">
        <v>4</v>
      </c>
      <c r="B9" s="23" t="s">
        <v>32</v>
      </c>
      <c r="C9" s="27">
        <v>749307</v>
      </c>
      <c r="D9" s="28">
        <v>22</v>
      </c>
      <c r="E9" s="98">
        <v>0.47</v>
      </c>
      <c r="F9" s="29">
        <v>737510</v>
      </c>
      <c r="G9" s="24">
        <v>24</v>
      </c>
      <c r="H9" s="98">
        <v>-1.57</v>
      </c>
      <c r="I9" s="29">
        <v>745045</v>
      </c>
      <c r="J9" s="26">
        <v>28</v>
      </c>
      <c r="K9" s="107">
        <v>1.02</v>
      </c>
      <c r="L9" s="30">
        <v>745273</v>
      </c>
      <c r="M9" s="27">
        <v>26</v>
      </c>
      <c r="N9" s="98">
        <v>0.03</v>
      </c>
      <c r="O9" s="25">
        <v>744977</v>
      </c>
      <c r="P9" s="24">
        <v>26</v>
      </c>
      <c r="Q9" s="116">
        <v>-0.04</v>
      </c>
    </row>
    <row r="10" spans="1:18" ht="21.95" customHeight="1" x14ac:dyDescent="0.15">
      <c r="A10" s="22">
        <v>5</v>
      </c>
      <c r="B10" s="23" t="s">
        <v>33</v>
      </c>
      <c r="C10" s="27">
        <v>1046752</v>
      </c>
      <c r="D10" s="28">
        <v>1</v>
      </c>
      <c r="E10" s="98">
        <v>-1.5</v>
      </c>
      <c r="F10" s="29">
        <v>1031531</v>
      </c>
      <c r="G10" s="24">
        <v>1</v>
      </c>
      <c r="H10" s="98">
        <v>-1.45</v>
      </c>
      <c r="I10" s="29">
        <v>1168904</v>
      </c>
      <c r="J10" s="26">
        <v>1</v>
      </c>
      <c r="K10" s="107">
        <v>13.32</v>
      </c>
      <c r="L10" s="30">
        <v>1071139</v>
      </c>
      <c r="M10" s="27">
        <v>1</v>
      </c>
      <c r="N10" s="98">
        <v>-8.36</v>
      </c>
      <c r="O10" s="25">
        <v>1062467</v>
      </c>
      <c r="P10" s="24">
        <v>1</v>
      </c>
      <c r="Q10" s="116">
        <v>-0.81</v>
      </c>
    </row>
    <row r="11" spans="1:18" ht="21.75" customHeight="1" x14ac:dyDescent="0.15">
      <c r="A11" s="22">
        <v>6</v>
      </c>
      <c r="B11" s="23" t="s">
        <v>34</v>
      </c>
      <c r="C11" s="27">
        <v>903983</v>
      </c>
      <c r="D11" s="28">
        <v>6</v>
      </c>
      <c r="E11" s="98">
        <v>0.34</v>
      </c>
      <c r="F11" s="29">
        <v>888273</v>
      </c>
      <c r="G11" s="24">
        <v>6</v>
      </c>
      <c r="H11" s="98">
        <v>-1.74</v>
      </c>
      <c r="I11" s="29">
        <v>938681</v>
      </c>
      <c r="J11" s="26">
        <v>6</v>
      </c>
      <c r="K11" s="107">
        <v>5.67</v>
      </c>
      <c r="L11" s="30">
        <v>921755</v>
      </c>
      <c r="M11" s="27">
        <v>6</v>
      </c>
      <c r="N11" s="98">
        <v>-1.8</v>
      </c>
      <c r="O11" s="25">
        <v>946815</v>
      </c>
      <c r="P11" s="24">
        <v>5</v>
      </c>
      <c r="Q11" s="116">
        <v>2.72</v>
      </c>
    </row>
    <row r="12" spans="1:18" ht="21.95" customHeight="1" x14ac:dyDescent="0.15">
      <c r="A12" s="22">
        <v>7</v>
      </c>
      <c r="B12" s="23" t="s">
        <v>35</v>
      </c>
      <c r="C12" s="27">
        <v>718610</v>
      </c>
      <c r="D12" s="28">
        <v>25</v>
      </c>
      <c r="E12" s="98">
        <v>0.74</v>
      </c>
      <c r="F12" s="29">
        <v>730306</v>
      </c>
      <c r="G12" s="24">
        <v>26</v>
      </c>
      <c r="H12" s="98">
        <v>1.63</v>
      </c>
      <c r="I12" s="29">
        <v>745517</v>
      </c>
      <c r="J12" s="26">
        <v>27</v>
      </c>
      <c r="K12" s="107">
        <v>2.08</v>
      </c>
      <c r="L12" s="30">
        <v>818069</v>
      </c>
      <c r="M12" s="27">
        <v>14</v>
      </c>
      <c r="N12" s="98">
        <v>9.73</v>
      </c>
      <c r="O12" s="25">
        <v>728877</v>
      </c>
      <c r="P12" s="24">
        <v>28</v>
      </c>
      <c r="Q12" s="116">
        <v>-10.9</v>
      </c>
    </row>
    <row r="13" spans="1:18" ht="21.95" customHeight="1" x14ac:dyDescent="0.15">
      <c r="A13" s="22">
        <v>8</v>
      </c>
      <c r="B13" s="23" t="s">
        <v>36</v>
      </c>
      <c r="C13" s="27">
        <v>833346</v>
      </c>
      <c r="D13" s="28">
        <v>7</v>
      </c>
      <c r="E13" s="98">
        <v>-2.8</v>
      </c>
      <c r="F13" s="29">
        <v>885517</v>
      </c>
      <c r="G13" s="24">
        <v>7</v>
      </c>
      <c r="H13" s="98">
        <v>6.26</v>
      </c>
      <c r="I13" s="29">
        <v>914306</v>
      </c>
      <c r="J13" s="26">
        <v>7</v>
      </c>
      <c r="K13" s="107">
        <v>3.25</v>
      </c>
      <c r="L13" s="30">
        <v>847863</v>
      </c>
      <c r="M13" s="27">
        <v>8</v>
      </c>
      <c r="N13" s="98">
        <v>-7.27</v>
      </c>
      <c r="O13" s="25">
        <v>866525</v>
      </c>
      <c r="P13" s="24">
        <v>9</v>
      </c>
      <c r="Q13" s="116">
        <v>2.2000000000000002</v>
      </c>
    </row>
    <row r="14" spans="1:18" ht="21.95" customHeight="1" x14ac:dyDescent="0.15">
      <c r="A14" s="22">
        <v>9</v>
      </c>
      <c r="B14" s="23" t="s">
        <v>37</v>
      </c>
      <c r="C14" s="27">
        <v>974049</v>
      </c>
      <c r="D14" s="28">
        <v>2</v>
      </c>
      <c r="E14" s="98">
        <v>-0.27</v>
      </c>
      <c r="F14" s="29">
        <v>947949</v>
      </c>
      <c r="G14" s="24">
        <v>2</v>
      </c>
      <c r="H14" s="98">
        <v>-2.68</v>
      </c>
      <c r="I14" s="29">
        <v>1031034</v>
      </c>
      <c r="J14" s="26">
        <v>2</v>
      </c>
      <c r="K14" s="107">
        <v>8.76</v>
      </c>
      <c r="L14" s="30">
        <v>960491</v>
      </c>
      <c r="M14" s="27">
        <v>4</v>
      </c>
      <c r="N14" s="98">
        <v>-6.84</v>
      </c>
      <c r="O14" s="25">
        <v>1016853</v>
      </c>
      <c r="P14" s="24">
        <v>3</v>
      </c>
      <c r="Q14" s="116">
        <v>5.87</v>
      </c>
    </row>
    <row r="15" spans="1:18" ht="21.95" customHeight="1" x14ac:dyDescent="0.15">
      <c r="A15" s="22">
        <v>10</v>
      </c>
      <c r="B15" s="23" t="s">
        <v>38</v>
      </c>
      <c r="C15" s="27">
        <v>797444</v>
      </c>
      <c r="D15" s="28">
        <v>14</v>
      </c>
      <c r="E15" s="98">
        <v>0.17</v>
      </c>
      <c r="F15" s="29">
        <v>814709</v>
      </c>
      <c r="G15" s="24">
        <v>15</v>
      </c>
      <c r="H15" s="98">
        <v>2.17</v>
      </c>
      <c r="I15" s="29">
        <v>837092</v>
      </c>
      <c r="J15" s="26">
        <v>13</v>
      </c>
      <c r="K15" s="107">
        <v>2.75</v>
      </c>
      <c r="L15" s="30">
        <v>814024</v>
      </c>
      <c r="M15" s="27">
        <v>15</v>
      </c>
      <c r="N15" s="98">
        <v>-2.76</v>
      </c>
      <c r="O15" s="25">
        <v>793115</v>
      </c>
      <c r="P15" s="24">
        <v>15</v>
      </c>
      <c r="Q15" s="116">
        <v>-2.57</v>
      </c>
    </row>
    <row r="16" spans="1:18" ht="21.95" customHeight="1" x14ac:dyDescent="0.15">
      <c r="A16" s="22">
        <v>11</v>
      </c>
      <c r="B16" s="23" t="s">
        <v>39</v>
      </c>
      <c r="C16" s="27">
        <v>711761</v>
      </c>
      <c r="D16" s="28">
        <v>26</v>
      </c>
      <c r="E16" s="98">
        <v>-13.28</v>
      </c>
      <c r="F16" s="29">
        <v>829259</v>
      </c>
      <c r="G16" s="24">
        <v>11</v>
      </c>
      <c r="H16" s="98">
        <v>16.510000000000002</v>
      </c>
      <c r="I16" s="29">
        <v>784479</v>
      </c>
      <c r="J16" s="26">
        <v>21</v>
      </c>
      <c r="K16" s="107">
        <v>-5.4</v>
      </c>
      <c r="L16" s="30">
        <v>719692</v>
      </c>
      <c r="M16" s="27">
        <v>29</v>
      </c>
      <c r="N16" s="98">
        <v>-8.26</v>
      </c>
      <c r="O16" s="25">
        <v>796861</v>
      </c>
      <c r="P16" s="24">
        <v>14</v>
      </c>
      <c r="Q16" s="116">
        <v>10.72</v>
      </c>
    </row>
    <row r="17" spans="1:17" ht="21.95" customHeight="1" x14ac:dyDescent="0.15">
      <c r="A17" s="22">
        <v>12</v>
      </c>
      <c r="B17" s="23" t="s">
        <v>40</v>
      </c>
      <c r="C17" s="27">
        <v>768643</v>
      </c>
      <c r="D17" s="28">
        <v>18</v>
      </c>
      <c r="E17" s="98">
        <v>-0.59</v>
      </c>
      <c r="F17" s="29">
        <v>771498</v>
      </c>
      <c r="G17" s="24">
        <v>20</v>
      </c>
      <c r="H17" s="98">
        <v>0.37</v>
      </c>
      <c r="I17" s="29">
        <v>779569</v>
      </c>
      <c r="J17" s="26">
        <v>23</v>
      </c>
      <c r="K17" s="107">
        <v>1.05</v>
      </c>
      <c r="L17" s="30">
        <v>745972</v>
      </c>
      <c r="M17" s="27">
        <v>25</v>
      </c>
      <c r="N17" s="98">
        <v>-4.3099999999999996</v>
      </c>
      <c r="O17" s="25">
        <v>766044</v>
      </c>
      <c r="P17" s="24">
        <v>21</v>
      </c>
      <c r="Q17" s="116">
        <v>2.69</v>
      </c>
    </row>
    <row r="18" spans="1:17" ht="21.95" customHeight="1" x14ac:dyDescent="0.15">
      <c r="A18" s="22">
        <v>13</v>
      </c>
      <c r="B18" s="23" t="s">
        <v>41</v>
      </c>
      <c r="C18" s="27">
        <v>814480</v>
      </c>
      <c r="D18" s="28">
        <v>12</v>
      </c>
      <c r="E18" s="98">
        <v>0.78</v>
      </c>
      <c r="F18" s="29">
        <v>820703</v>
      </c>
      <c r="G18" s="24">
        <v>13</v>
      </c>
      <c r="H18" s="98">
        <v>0.76</v>
      </c>
      <c r="I18" s="29">
        <v>860037</v>
      </c>
      <c r="J18" s="26">
        <v>10</v>
      </c>
      <c r="K18" s="107">
        <v>4.79</v>
      </c>
      <c r="L18" s="30">
        <v>836187</v>
      </c>
      <c r="M18" s="27">
        <v>11</v>
      </c>
      <c r="N18" s="98">
        <v>-2.77</v>
      </c>
      <c r="O18" s="25">
        <v>835606</v>
      </c>
      <c r="P18" s="24">
        <v>11</v>
      </c>
      <c r="Q18" s="116">
        <v>-7.0000000000000007E-2</v>
      </c>
    </row>
    <row r="19" spans="1:17" ht="21.95" customHeight="1" x14ac:dyDescent="0.15">
      <c r="A19" s="22">
        <v>14</v>
      </c>
      <c r="B19" s="23" t="s">
        <v>42</v>
      </c>
      <c r="C19" s="27">
        <v>826890</v>
      </c>
      <c r="D19" s="28">
        <v>10</v>
      </c>
      <c r="E19" s="98">
        <v>-0.81</v>
      </c>
      <c r="F19" s="29">
        <v>845291</v>
      </c>
      <c r="G19" s="24">
        <v>9</v>
      </c>
      <c r="H19" s="98">
        <v>2.23</v>
      </c>
      <c r="I19" s="29">
        <v>866826</v>
      </c>
      <c r="J19" s="26">
        <v>9</v>
      </c>
      <c r="K19" s="107">
        <v>2.5499999999999998</v>
      </c>
      <c r="L19" s="30">
        <v>885829</v>
      </c>
      <c r="M19" s="27">
        <v>7</v>
      </c>
      <c r="N19" s="98">
        <v>2.19</v>
      </c>
      <c r="O19" s="25">
        <v>864665</v>
      </c>
      <c r="P19" s="24">
        <v>10</v>
      </c>
      <c r="Q19" s="116">
        <v>-2.39</v>
      </c>
    </row>
    <row r="20" spans="1:17" ht="21.95" customHeight="1" x14ac:dyDescent="0.15">
      <c r="A20" s="22">
        <v>15</v>
      </c>
      <c r="B20" s="23" t="s">
        <v>43</v>
      </c>
      <c r="C20" s="27">
        <v>827415</v>
      </c>
      <c r="D20" s="28">
        <v>9</v>
      </c>
      <c r="E20" s="98">
        <v>-0.99</v>
      </c>
      <c r="F20" s="29">
        <v>827033</v>
      </c>
      <c r="G20" s="24">
        <v>12</v>
      </c>
      <c r="H20" s="98">
        <v>-0.05</v>
      </c>
      <c r="I20" s="29">
        <v>817091</v>
      </c>
      <c r="J20" s="26">
        <v>14</v>
      </c>
      <c r="K20" s="107">
        <v>-1.2</v>
      </c>
      <c r="L20" s="30">
        <v>806423</v>
      </c>
      <c r="M20" s="27">
        <v>16</v>
      </c>
      <c r="N20" s="98">
        <v>-1.31</v>
      </c>
      <c r="O20" s="25">
        <v>801338</v>
      </c>
      <c r="P20" s="24">
        <v>12</v>
      </c>
      <c r="Q20" s="116">
        <v>-0.63</v>
      </c>
    </row>
    <row r="21" spans="1:17" ht="21.95" customHeight="1" x14ac:dyDescent="0.15">
      <c r="A21" s="22">
        <v>16</v>
      </c>
      <c r="B21" s="23" t="s">
        <v>44</v>
      </c>
      <c r="C21" s="27">
        <v>830206</v>
      </c>
      <c r="D21" s="28">
        <v>8</v>
      </c>
      <c r="E21" s="98">
        <v>-2.2599999999999998</v>
      </c>
      <c r="F21" s="29">
        <v>838224</v>
      </c>
      <c r="G21" s="24">
        <v>10</v>
      </c>
      <c r="H21" s="98">
        <v>0.97</v>
      </c>
      <c r="I21" s="29">
        <v>844768</v>
      </c>
      <c r="J21" s="26">
        <v>12</v>
      </c>
      <c r="K21" s="107">
        <v>0.78</v>
      </c>
      <c r="L21" s="30">
        <v>841417</v>
      </c>
      <c r="M21" s="27">
        <v>9</v>
      </c>
      <c r="N21" s="98">
        <v>-0.4</v>
      </c>
      <c r="O21" s="25">
        <v>874695</v>
      </c>
      <c r="P21" s="24">
        <v>8</v>
      </c>
      <c r="Q21" s="116">
        <v>3.95</v>
      </c>
    </row>
    <row r="22" spans="1:17" ht="21.95" customHeight="1" x14ac:dyDescent="0.15">
      <c r="A22" s="22">
        <v>17</v>
      </c>
      <c r="B22" s="23" t="s">
        <v>45</v>
      </c>
      <c r="C22" s="27">
        <v>733699</v>
      </c>
      <c r="D22" s="28">
        <v>23</v>
      </c>
      <c r="E22" s="98">
        <v>-1.82</v>
      </c>
      <c r="F22" s="29">
        <v>764794</v>
      </c>
      <c r="G22" s="24">
        <v>23</v>
      </c>
      <c r="H22" s="98">
        <v>4.24</v>
      </c>
      <c r="I22" s="29">
        <v>752921</v>
      </c>
      <c r="J22" s="26">
        <v>26</v>
      </c>
      <c r="K22" s="107">
        <v>-1.55</v>
      </c>
      <c r="L22" s="30">
        <v>747962</v>
      </c>
      <c r="M22" s="27">
        <v>24</v>
      </c>
      <c r="N22" s="98">
        <v>-0.66</v>
      </c>
      <c r="O22" s="25">
        <v>776252</v>
      </c>
      <c r="P22" s="24">
        <v>19</v>
      </c>
      <c r="Q22" s="116">
        <v>3.78</v>
      </c>
    </row>
    <row r="23" spans="1:17" ht="21.95" customHeight="1" x14ac:dyDescent="0.15">
      <c r="A23" s="22">
        <v>18</v>
      </c>
      <c r="B23" s="23" t="s">
        <v>46</v>
      </c>
      <c r="C23" s="27">
        <v>687521</v>
      </c>
      <c r="D23" s="28">
        <v>30</v>
      </c>
      <c r="E23" s="98">
        <v>-2.2799999999999998</v>
      </c>
      <c r="F23" s="29">
        <v>699901</v>
      </c>
      <c r="G23" s="24">
        <v>30</v>
      </c>
      <c r="H23" s="98">
        <v>1.8</v>
      </c>
      <c r="I23" s="29">
        <v>782060</v>
      </c>
      <c r="J23" s="26">
        <v>22</v>
      </c>
      <c r="K23" s="107">
        <v>11.74</v>
      </c>
      <c r="L23" s="30">
        <v>700360</v>
      </c>
      <c r="M23" s="27">
        <v>30</v>
      </c>
      <c r="N23" s="98">
        <v>-10.45</v>
      </c>
      <c r="O23" s="25">
        <v>716346</v>
      </c>
      <c r="P23" s="24">
        <v>30</v>
      </c>
      <c r="Q23" s="116">
        <v>2.2799999999999998</v>
      </c>
    </row>
    <row r="24" spans="1:17" ht="21.95" customHeight="1" thickBot="1" x14ac:dyDescent="0.2">
      <c r="A24" s="31">
        <v>21</v>
      </c>
      <c r="B24" s="32" t="s">
        <v>47</v>
      </c>
      <c r="C24" s="36">
        <v>794463</v>
      </c>
      <c r="D24" s="37">
        <v>15</v>
      </c>
      <c r="E24" s="99">
        <v>1.0900000000000001</v>
      </c>
      <c r="F24" s="38">
        <v>783550</v>
      </c>
      <c r="G24" s="39">
        <v>18</v>
      </c>
      <c r="H24" s="99">
        <v>-1.37</v>
      </c>
      <c r="I24" s="38">
        <v>794577</v>
      </c>
      <c r="J24" s="39">
        <v>18</v>
      </c>
      <c r="K24" s="108">
        <v>1.41</v>
      </c>
      <c r="L24" s="40">
        <v>779528</v>
      </c>
      <c r="M24" s="36">
        <v>19</v>
      </c>
      <c r="N24" s="99">
        <v>-1.89</v>
      </c>
      <c r="O24" s="35">
        <v>786996</v>
      </c>
      <c r="P24" s="33">
        <v>16</v>
      </c>
      <c r="Q24" s="117">
        <v>0.96</v>
      </c>
    </row>
    <row r="25" spans="1:17" ht="21.95" customHeight="1" thickTop="1" x14ac:dyDescent="0.15">
      <c r="A25" s="22">
        <v>19</v>
      </c>
      <c r="B25" s="23" t="s">
        <v>48</v>
      </c>
      <c r="C25" s="43">
        <v>942380</v>
      </c>
      <c r="D25" s="44">
        <v>3</v>
      </c>
      <c r="E25" s="100">
        <v>-4.2</v>
      </c>
      <c r="F25" s="42">
        <v>938754</v>
      </c>
      <c r="G25" s="45">
        <v>4</v>
      </c>
      <c r="H25" s="100">
        <v>-0.38</v>
      </c>
      <c r="I25" s="42">
        <v>1012939</v>
      </c>
      <c r="J25" s="46">
        <v>3</v>
      </c>
      <c r="K25" s="109">
        <v>7.9</v>
      </c>
      <c r="L25" s="47">
        <v>1003021</v>
      </c>
      <c r="M25" s="43">
        <v>2</v>
      </c>
      <c r="N25" s="100">
        <v>-0.98</v>
      </c>
      <c r="O25" s="41">
        <v>1062135</v>
      </c>
      <c r="P25" s="24">
        <v>2</v>
      </c>
      <c r="Q25" s="118">
        <v>5.89</v>
      </c>
    </row>
    <row r="26" spans="1:17" ht="21.95" customHeight="1" x14ac:dyDescent="0.15">
      <c r="A26" s="22">
        <v>20</v>
      </c>
      <c r="B26" s="23" t="s">
        <v>49</v>
      </c>
      <c r="C26" s="27">
        <v>768474</v>
      </c>
      <c r="D26" s="28">
        <v>19</v>
      </c>
      <c r="E26" s="98">
        <v>-3.16</v>
      </c>
      <c r="F26" s="29">
        <v>766444</v>
      </c>
      <c r="G26" s="24">
        <v>22</v>
      </c>
      <c r="H26" s="98">
        <v>-0.26</v>
      </c>
      <c r="I26" s="29">
        <v>799214</v>
      </c>
      <c r="J26" s="26">
        <v>16</v>
      </c>
      <c r="K26" s="107">
        <v>4.28</v>
      </c>
      <c r="L26" s="30">
        <v>769700</v>
      </c>
      <c r="M26" s="27">
        <v>21</v>
      </c>
      <c r="N26" s="98">
        <v>-3.69</v>
      </c>
      <c r="O26" s="25">
        <v>765162</v>
      </c>
      <c r="P26" s="24">
        <v>22</v>
      </c>
      <c r="Q26" s="116">
        <v>-0.59</v>
      </c>
    </row>
    <row r="27" spans="1:17" ht="21.95" customHeight="1" x14ac:dyDescent="0.15">
      <c r="A27" s="22">
        <v>22</v>
      </c>
      <c r="B27" s="23" t="s">
        <v>50</v>
      </c>
      <c r="C27" s="27">
        <v>823329</v>
      </c>
      <c r="D27" s="28">
        <v>11</v>
      </c>
      <c r="E27" s="98">
        <v>-5.89</v>
      </c>
      <c r="F27" s="29">
        <v>865721</v>
      </c>
      <c r="G27" s="24">
        <v>8</v>
      </c>
      <c r="H27" s="98">
        <v>5.15</v>
      </c>
      <c r="I27" s="29">
        <v>889425</v>
      </c>
      <c r="J27" s="26">
        <v>8</v>
      </c>
      <c r="K27" s="107">
        <v>2.74</v>
      </c>
      <c r="L27" s="30">
        <v>834246</v>
      </c>
      <c r="M27" s="27">
        <v>12</v>
      </c>
      <c r="N27" s="98">
        <v>-6.2</v>
      </c>
      <c r="O27" s="25">
        <v>901891</v>
      </c>
      <c r="P27" s="24">
        <v>7</v>
      </c>
      <c r="Q27" s="116">
        <v>8.11</v>
      </c>
    </row>
    <row r="28" spans="1:17" ht="21.95" customHeight="1" x14ac:dyDescent="0.15">
      <c r="A28" s="22">
        <v>23</v>
      </c>
      <c r="B28" s="23" t="s">
        <v>51</v>
      </c>
      <c r="C28" s="27">
        <v>749571</v>
      </c>
      <c r="D28" s="28">
        <v>21</v>
      </c>
      <c r="E28" s="98">
        <v>-1.52</v>
      </c>
      <c r="F28" s="29">
        <v>778136</v>
      </c>
      <c r="G28" s="24">
        <v>19</v>
      </c>
      <c r="H28" s="98">
        <v>3.81</v>
      </c>
      <c r="I28" s="29">
        <v>793492</v>
      </c>
      <c r="J28" s="26">
        <v>19</v>
      </c>
      <c r="K28" s="107">
        <v>1.97</v>
      </c>
      <c r="L28" s="30">
        <v>760321</v>
      </c>
      <c r="M28" s="27">
        <v>22</v>
      </c>
      <c r="N28" s="98">
        <v>-4.18</v>
      </c>
      <c r="O28" s="25">
        <v>775571</v>
      </c>
      <c r="P28" s="24">
        <v>20</v>
      </c>
      <c r="Q28" s="116">
        <v>2.0099999999999998</v>
      </c>
    </row>
    <row r="29" spans="1:17" ht="21.95" customHeight="1" x14ac:dyDescent="0.15">
      <c r="A29" s="22">
        <v>24</v>
      </c>
      <c r="B29" s="23" t="s">
        <v>52</v>
      </c>
      <c r="C29" s="27">
        <v>813657</v>
      </c>
      <c r="D29" s="28">
        <v>13</v>
      </c>
      <c r="E29" s="98">
        <v>-3.19</v>
      </c>
      <c r="F29" s="29">
        <v>808246</v>
      </c>
      <c r="G29" s="24">
        <v>16</v>
      </c>
      <c r="H29" s="98">
        <v>-0.67</v>
      </c>
      <c r="I29" s="29">
        <v>851571</v>
      </c>
      <c r="J29" s="26">
        <v>11</v>
      </c>
      <c r="K29" s="107">
        <v>5.36</v>
      </c>
      <c r="L29" s="30">
        <v>792156</v>
      </c>
      <c r="M29" s="27">
        <v>17</v>
      </c>
      <c r="N29" s="98">
        <v>-6.98</v>
      </c>
      <c r="O29" s="25">
        <v>747435</v>
      </c>
      <c r="P29" s="24">
        <v>25</v>
      </c>
      <c r="Q29" s="116">
        <v>-5.65</v>
      </c>
    </row>
    <row r="30" spans="1:17" ht="21.95" customHeight="1" x14ac:dyDescent="0.15">
      <c r="A30" s="22">
        <v>25</v>
      </c>
      <c r="B30" s="23" t="s">
        <v>53</v>
      </c>
      <c r="C30" s="27">
        <v>725770</v>
      </c>
      <c r="D30" s="28">
        <v>24</v>
      </c>
      <c r="E30" s="98">
        <v>-2.96</v>
      </c>
      <c r="F30" s="29">
        <v>735435</v>
      </c>
      <c r="G30" s="24">
        <v>25</v>
      </c>
      <c r="H30" s="98">
        <v>1.33</v>
      </c>
      <c r="I30" s="29">
        <v>775160</v>
      </c>
      <c r="J30" s="26">
        <v>24</v>
      </c>
      <c r="K30" s="107">
        <v>5.4</v>
      </c>
      <c r="L30" s="30">
        <v>780643</v>
      </c>
      <c r="M30" s="27">
        <v>18</v>
      </c>
      <c r="N30" s="98">
        <v>0.71</v>
      </c>
      <c r="O30" s="25">
        <v>726464</v>
      </c>
      <c r="P30" s="24">
        <v>29</v>
      </c>
      <c r="Q30" s="116">
        <v>-6.94</v>
      </c>
    </row>
    <row r="31" spans="1:17" ht="21.95" customHeight="1" x14ac:dyDescent="0.15">
      <c r="A31" s="22">
        <v>26</v>
      </c>
      <c r="B31" s="23" t="s">
        <v>54</v>
      </c>
      <c r="C31" s="27">
        <v>694115</v>
      </c>
      <c r="D31" s="28">
        <v>28</v>
      </c>
      <c r="E31" s="98">
        <v>-2.16</v>
      </c>
      <c r="F31" s="29">
        <v>706242</v>
      </c>
      <c r="G31" s="24">
        <v>29</v>
      </c>
      <c r="H31" s="98">
        <v>1.75</v>
      </c>
      <c r="I31" s="29">
        <v>763406</v>
      </c>
      <c r="J31" s="26">
        <v>25</v>
      </c>
      <c r="K31" s="107">
        <v>8.09</v>
      </c>
      <c r="L31" s="30">
        <v>820845</v>
      </c>
      <c r="M31" s="27">
        <v>13</v>
      </c>
      <c r="N31" s="98">
        <v>7.52</v>
      </c>
      <c r="O31" s="25">
        <v>737769</v>
      </c>
      <c r="P31" s="24">
        <v>27</v>
      </c>
      <c r="Q31" s="116">
        <v>-10.119999999999999</v>
      </c>
    </row>
    <row r="32" spans="1:17" ht="21.95" customHeight="1" x14ac:dyDescent="0.15">
      <c r="A32" s="22">
        <v>27</v>
      </c>
      <c r="B32" s="23" t="s">
        <v>55</v>
      </c>
      <c r="C32" s="27">
        <v>672444</v>
      </c>
      <c r="D32" s="28">
        <v>32</v>
      </c>
      <c r="E32" s="98">
        <v>-0.12</v>
      </c>
      <c r="F32" s="29">
        <v>687568</v>
      </c>
      <c r="G32" s="24">
        <v>31</v>
      </c>
      <c r="H32" s="98">
        <v>2.25</v>
      </c>
      <c r="I32" s="29">
        <v>730010</v>
      </c>
      <c r="J32" s="26">
        <v>31</v>
      </c>
      <c r="K32" s="107">
        <v>6.17</v>
      </c>
      <c r="L32" s="30">
        <v>685002</v>
      </c>
      <c r="M32" s="27">
        <v>31</v>
      </c>
      <c r="N32" s="98">
        <v>-6.17</v>
      </c>
      <c r="O32" s="25">
        <v>701597</v>
      </c>
      <c r="P32" s="24">
        <v>32</v>
      </c>
      <c r="Q32" s="116">
        <v>2.42</v>
      </c>
    </row>
    <row r="33" spans="1:17" ht="21.95" customHeight="1" x14ac:dyDescent="0.15">
      <c r="A33" s="22">
        <v>28</v>
      </c>
      <c r="B33" s="23" t="s">
        <v>56</v>
      </c>
      <c r="C33" s="27">
        <v>755279</v>
      </c>
      <c r="D33" s="28">
        <v>20</v>
      </c>
      <c r="E33" s="98">
        <v>2.57</v>
      </c>
      <c r="F33" s="29">
        <v>769162</v>
      </c>
      <c r="G33" s="24">
        <v>21</v>
      </c>
      <c r="H33" s="98">
        <v>1.84</v>
      </c>
      <c r="I33" s="29">
        <v>788709</v>
      </c>
      <c r="J33" s="26">
        <v>20</v>
      </c>
      <c r="K33" s="107">
        <v>2.54</v>
      </c>
      <c r="L33" s="30">
        <v>755265</v>
      </c>
      <c r="M33" s="27">
        <v>23</v>
      </c>
      <c r="N33" s="98">
        <v>-4.24</v>
      </c>
      <c r="O33" s="25">
        <v>797223</v>
      </c>
      <c r="P33" s="24">
        <v>13</v>
      </c>
      <c r="Q33" s="116">
        <v>5.56</v>
      </c>
    </row>
    <row r="34" spans="1:17" ht="21.95" customHeight="1" x14ac:dyDescent="0.15">
      <c r="A34" s="22">
        <v>29</v>
      </c>
      <c r="B34" s="23" t="s">
        <v>57</v>
      </c>
      <c r="C34" s="27">
        <v>773364</v>
      </c>
      <c r="D34" s="28">
        <v>17</v>
      </c>
      <c r="E34" s="98">
        <v>-4.07</v>
      </c>
      <c r="F34" s="29">
        <v>801248</v>
      </c>
      <c r="G34" s="24">
        <v>17</v>
      </c>
      <c r="H34" s="98">
        <v>3.61</v>
      </c>
      <c r="I34" s="29">
        <v>809005</v>
      </c>
      <c r="J34" s="26">
        <v>15</v>
      </c>
      <c r="K34" s="107">
        <v>0.97</v>
      </c>
      <c r="L34" s="30">
        <v>836751</v>
      </c>
      <c r="M34" s="27">
        <v>10</v>
      </c>
      <c r="N34" s="98">
        <v>3.43</v>
      </c>
      <c r="O34" s="25">
        <v>752458</v>
      </c>
      <c r="P34" s="24">
        <v>24</v>
      </c>
      <c r="Q34" s="116">
        <v>-10.07</v>
      </c>
    </row>
    <row r="35" spans="1:17" ht="21.95" customHeight="1" x14ac:dyDescent="0.15">
      <c r="A35" s="22">
        <v>30</v>
      </c>
      <c r="B35" s="23" t="s">
        <v>58</v>
      </c>
      <c r="C35" s="27">
        <v>671034</v>
      </c>
      <c r="D35" s="28">
        <v>33</v>
      </c>
      <c r="E35" s="98">
        <v>-15.78</v>
      </c>
      <c r="F35" s="29">
        <v>676692</v>
      </c>
      <c r="G35" s="24">
        <v>33</v>
      </c>
      <c r="H35" s="98">
        <v>0.84</v>
      </c>
      <c r="I35" s="29">
        <v>684595</v>
      </c>
      <c r="J35" s="26">
        <v>33</v>
      </c>
      <c r="K35" s="107">
        <v>1.17</v>
      </c>
      <c r="L35" s="30">
        <v>676695</v>
      </c>
      <c r="M35" s="27">
        <v>32</v>
      </c>
      <c r="N35" s="98">
        <v>-1.1499999999999999</v>
      </c>
      <c r="O35" s="25">
        <v>782442</v>
      </c>
      <c r="P35" s="24">
        <v>18</v>
      </c>
      <c r="Q35" s="116">
        <v>15.63</v>
      </c>
    </row>
    <row r="36" spans="1:17" ht="21.95" customHeight="1" x14ac:dyDescent="0.15">
      <c r="A36" s="22">
        <v>31</v>
      </c>
      <c r="B36" s="23" t="s">
        <v>59</v>
      </c>
      <c r="C36" s="27">
        <v>679349</v>
      </c>
      <c r="D36" s="28">
        <v>31</v>
      </c>
      <c r="E36" s="98">
        <v>-20.07</v>
      </c>
      <c r="F36" s="29">
        <v>716862</v>
      </c>
      <c r="G36" s="24">
        <v>28</v>
      </c>
      <c r="H36" s="98">
        <v>5.52</v>
      </c>
      <c r="I36" s="29">
        <v>732439</v>
      </c>
      <c r="J36" s="26">
        <v>30</v>
      </c>
      <c r="K36" s="107">
        <v>2.17</v>
      </c>
      <c r="L36" s="30">
        <v>720052</v>
      </c>
      <c r="M36" s="27">
        <v>28</v>
      </c>
      <c r="N36" s="98">
        <v>-1.69</v>
      </c>
      <c r="O36" s="25">
        <v>712820</v>
      </c>
      <c r="P36" s="24">
        <v>31</v>
      </c>
      <c r="Q36" s="116">
        <v>-1</v>
      </c>
    </row>
    <row r="37" spans="1:17" ht="21.95" customHeight="1" x14ac:dyDescent="0.15">
      <c r="A37" s="22">
        <v>32</v>
      </c>
      <c r="B37" s="23" t="s">
        <v>60</v>
      </c>
      <c r="C37" s="27">
        <v>710327</v>
      </c>
      <c r="D37" s="28">
        <v>27</v>
      </c>
      <c r="E37" s="98">
        <v>-0.25</v>
      </c>
      <c r="F37" s="29">
        <v>725399</v>
      </c>
      <c r="G37" s="24">
        <v>27</v>
      </c>
      <c r="H37" s="98">
        <v>2.12</v>
      </c>
      <c r="I37" s="29">
        <v>740864</v>
      </c>
      <c r="J37" s="26">
        <v>29</v>
      </c>
      <c r="K37" s="107">
        <v>2.13</v>
      </c>
      <c r="L37" s="30">
        <v>743431</v>
      </c>
      <c r="M37" s="27">
        <v>27</v>
      </c>
      <c r="N37" s="98">
        <v>0.35</v>
      </c>
      <c r="O37" s="25">
        <v>784089</v>
      </c>
      <c r="P37" s="24">
        <v>17</v>
      </c>
      <c r="Q37" s="116">
        <v>5.47</v>
      </c>
    </row>
    <row r="38" spans="1:17" ht="21.95" customHeight="1" thickBot="1" x14ac:dyDescent="0.2">
      <c r="A38" s="22">
        <v>33</v>
      </c>
      <c r="B38" s="23" t="s">
        <v>61</v>
      </c>
      <c r="C38" s="36">
        <v>783832</v>
      </c>
      <c r="D38" s="37">
        <v>16</v>
      </c>
      <c r="E38" s="99">
        <v>-7.36</v>
      </c>
      <c r="F38" s="38">
        <v>816713</v>
      </c>
      <c r="G38" s="39">
        <v>14</v>
      </c>
      <c r="H38" s="99">
        <v>4.1900000000000004</v>
      </c>
      <c r="I38" s="38">
        <v>798404</v>
      </c>
      <c r="J38" s="39">
        <v>17</v>
      </c>
      <c r="K38" s="108">
        <v>-2.2400000000000002</v>
      </c>
      <c r="L38" s="40">
        <v>772260</v>
      </c>
      <c r="M38" s="36">
        <v>20</v>
      </c>
      <c r="N38" s="99">
        <v>-3.27</v>
      </c>
      <c r="O38" s="34">
        <v>754785</v>
      </c>
      <c r="P38" s="33">
        <v>23</v>
      </c>
      <c r="Q38" s="117">
        <v>-2.2599999999999998</v>
      </c>
    </row>
    <row r="39" spans="1:17" ht="21.95" hidden="1" customHeight="1" thickTop="1" x14ac:dyDescent="0.15">
      <c r="A39" s="22">
        <v>34</v>
      </c>
      <c r="B39" s="48" t="s">
        <v>62</v>
      </c>
      <c r="C39" s="49" t="s">
        <v>63</v>
      </c>
      <c r="D39" s="53" t="s">
        <v>63</v>
      </c>
      <c r="E39" s="101" t="s">
        <v>63</v>
      </c>
      <c r="F39" s="54"/>
      <c r="G39" s="45" t="s">
        <v>63</v>
      </c>
      <c r="H39" s="101" t="e">
        <v>#VALUE!</v>
      </c>
      <c r="I39" s="54" t="s">
        <v>63</v>
      </c>
      <c r="J39" s="55" t="s">
        <v>63</v>
      </c>
      <c r="K39" s="110" t="e">
        <v>#VALUE!</v>
      </c>
      <c r="L39" s="56" t="s">
        <v>63</v>
      </c>
      <c r="M39" s="50" t="s">
        <v>63</v>
      </c>
      <c r="N39" s="101" t="e">
        <v>#VALUE!</v>
      </c>
      <c r="O39" s="51" t="s">
        <v>65</v>
      </c>
      <c r="P39" s="52" t="s">
        <v>64</v>
      </c>
      <c r="Q39" s="119" t="e">
        <v>#VALUE!</v>
      </c>
    </row>
    <row r="40" spans="1:17" ht="21.95" hidden="1" customHeight="1" x14ac:dyDescent="0.15">
      <c r="A40" s="22">
        <v>35</v>
      </c>
      <c r="B40" s="48" t="s">
        <v>66</v>
      </c>
      <c r="C40" s="61" t="s">
        <v>63</v>
      </c>
      <c r="D40" s="58" t="s">
        <v>63</v>
      </c>
      <c r="E40" s="102" t="s">
        <v>63</v>
      </c>
      <c r="F40" s="62"/>
      <c r="G40" s="24" t="s">
        <v>63</v>
      </c>
      <c r="H40" s="102" t="e">
        <v>#VALUE!</v>
      </c>
      <c r="I40" s="62" t="s">
        <v>63</v>
      </c>
      <c r="J40" s="63" t="s">
        <v>63</v>
      </c>
      <c r="K40" s="111" t="e">
        <v>#VALUE!</v>
      </c>
      <c r="L40" s="64" t="s">
        <v>63</v>
      </c>
      <c r="M40" s="59" t="s">
        <v>63</v>
      </c>
      <c r="N40" s="102" t="e">
        <v>#VALUE!</v>
      </c>
      <c r="O40" s="57" t="s">
        <v>65</v>
      </c>
      <c r="P40" s="60" t="s">
        <v>64</v>
      </c>
      <c r="Q40" s="120" t="e">
        <v>#VALUE!</v>
      </c>
    </row>
    <row r="41" spans="1:17" ht="21.95" hidden="1" customHeight="1" x14ac:dyDescent="0.15">
      <c r="A41" s="22">
        <v>36</v>
      </c>
      <c r="B41" s="48" t="s">
        <v>67</v>
      </c>
      <c r="C41" s="61" t="s">
        <v>63</v>
      </c>
      <c r="D41" s="58" t="s">
        <v>63</v>
      </c>
      <c r="E41" s="102" t="s">
        <v>63</v>
      </c>
      <c r="F41" s="62"/>
      <c r="G41" s="24" t="s">
        <v>63</v>
      </c>
      <c r="H41" s="102" t="e">
        <v>#VALUE!</v>
      </c>
      <c r="I41" s="62" t="s">
        <v>63</v>
      </c>
      <c r="J41" s="63" t="s">
        <v>63</v>
      </c>
      <c r="K41" s="111" t="e">
        <v>#VALUE!</v>
      </c>
      <c r="L41" s="64" t="s">
        <v>63</v>
      </c>
      <c r="M41" s="59" t="s">
        <v>63</v>
      </c>
      <c r="N41" s="102" t="e">
        <v>#VALUE!</v>
      </c>
      <c r="O41" s="57" t="s">
        <v>64</v>
      </c>
      <c r="P41" s="60" t="s">
        <v>64</v>
      </c>
      <c r="Q41" s="120" t="e">
        <v>#VALUE!</v>
      </c>
    </row>
    <row r="42" spans="1:17" ht="21.95" hidden="1" customHeight="1" thickBot="1" x14ac:dyDescent="0.2">
      <c r="A42" s="31">
        <v>37</v>
      </c>
      <c r="B42" s="65" t="s">
        <v>68</v>
      </c>
      <c r="C42" s="66" t="s">
        <v>63</v>
      </c>
      <c r="D42" s="70" t="s">
        <v>63</v>
      </c>
      <c r="E42" s="103" t="s">
        <v>63</v>
      </c>
      <c r="F42" s="71"/>
      <c r="G42" s="24" t="s">
        <v>63</v>
      </c>
      <c r="H42" s="103" t="e">
        <v>#VALUE!</v>
      </c>
      <c r="I42" s="71" t="s">
        <v>63</v>
      </c>
      <c r="J42" s="72" t="s">
        <v>63</v>
      </c>
      <c r="K42" s="112" t="e">
        <v>#VALUE!</v>
      </c>
      <c r="L42" s="73" t="s">
        <v>63</v>
      </c>
      <c r="M42" s="67" t="s">
        <v>63</v>
      </c>
      <c r="N42" s="103" t="e">
        <v>#VALUE!</v>
      </c>
      <c r="O42" s="68" t="s">
        <v>64</v>
      </c>
      <c r="P42" s="69" t="s">
        <v>65</v>
      </c>
      <c r="Q42" s="121" t="e">
        <v>#VALUE!</v>
      </c>
    </row>
    <row r="43" spans="1:17" ht="21.95" customHeight="1" thickTop="1" thickBot="1" x14ac:dyDescent="0.2">
      <c r="A43" s="139" t="s">
        <v>69</v>
      </c>
      <c r="B43" s="140"/>
      <c r="C43" s="77">
        <v>865457</v>
      </c>
      <c r="D43" s="81"/>
      <c r="E43" s="104">
        <v>0.09</v>
      </c>
      <c r="F43" s="82">
        <v>872166</v>
      </c>
      <c r="G43" s="39"/>
      <c r="H43" s="104">
        <v>0.78</v>
      </c>
      <c r="I43" s="82">
        <v>899947</v>
      </c>
      <c r="J43" s="83"/>
      <c r="K43" s="113">
        <v>3.19</v>
      </c>
      <c r="L43" s="84">
        <v>890352</v>
      </c>
      <c r="M43" s="78"/>
      <c r="N43" s="104">
        <v>-1.07</v>
      </c>
      <c r="O43" s="79">
        <v>890655</v>
      </c>
      <c r="P43" s="80"/>
      <c r="Q43" s="122">
        <v>0.03</v>
      </c>
    </row>
    <row r="44" spans="1:17" ht="21.95" customHeight="1" thickTop="1" thickBot="1" x14ac:dyDescent="0.2">
      <c r="A44" s="139" t="s">
        <v>70</v>
      </c>
      <c r="B44" s="140"/>
      <c r="C44" s="85">
        <v>762963</v>
      </c>
      <c r="D44" s="86"/>
      <c r="E44" s="105">
        <v>-5.12</v>
      </c>
      <c r="F44" s="87">
        <v>779320</v>
      </c>
      <c r="G44" s="74"/>
      <c r="H44" s="105">
        <v>2.14</v>
      </c>
      <c r="I44" s="87">
        <v>808874</v>
      </c>
      <c r="J44" s="74"/>
      <c r="K44" s="114">
        <v>3.79</v>
      </c>
      <c r="L44" s="88">
        <v>791835</v>
      </c>
      <c r="M44" s="75"/>
      <c r="N44" s="105">
        <v>-2.11</v>
      </c>
      <c r="O44" s="76">
        <v>806646</v>
      </c>
      <c r="P44" s="33"/>
      <c r="Q44" s="123">
        <v>1.87</v>
      </c>
    </row>
    <row r="45" spans="1:17" ht="21.95" customHeight="1" thickTop="1" thickBot="1" x14ac:dyDescent="0.2">
      <c r="A45" s="141" t="s">
        <v>71</v>
      </c>
      <c r="B45" s="142"/>
      <c r="C45" s="93">
        <v>861366</v>
      </c>
      <c r="D45" s="94"/>
      <c r="E45" s="106">
        <v>-0.1</v>
      </c>
      <c r="F45" s="95">
        <v>868474</v>
      </c>
      <c r="G45" s="45"/>
      <c r="H45" s="106">
        <v>0.83</v>
      </c>
      <c r="I45" s="95">
        <v>896336</v>
      </c>
      <c r="J45" s="90"/>
      <c r="K45" s="115">
        <v>3.21</v>
      </c>
      <c r="L45" s="96">
        <v>886458</v>
      </c>
      <c r="M45" s="91"/>
      <c r="N45" s="106">
        <v>-1.1000000000000001</v>
      </c>
      <c r="O45" s="92">
        <v>887347</v>
      </c>
      <c r="P45" s="89"/>
      <c r="Q45" s="124">
        <v>0.1</v>
      </c>
    </row>
    <row r="47" spans="1:17" x14ac:dyDescent="0.15">
      <c r="A47" s="97"/>
    </row>
  </sheetData>
  <mergeCells count="12">
    <mergeCell ref="O4:O5"/>
    <mergeCell ref="A43:B43"/>
    <mergeCell ref="A44:B44"/>
    <mergeCell ref="A45:B45"/>
    <mergeCell ref="C4:C5"/>
    <mergeCell ref="F4:F5"/>
    <mergeCell ref="I3:K3"/>
    <mergeCell ref="L3:N3"/>
    <mergeCell ref="A3:B5"/>
    <mergeCell ref="C3:E3"/>
    <mergeCell ref="F3:H3"/>
    <mergeCell ref="L4:L5"/>
  </mergeCells>
  <phoneticPr fontId="3"/>
  <printOptions gridLinesSet="0"/>
  <pageMargins left="0.7" right="0.7" top="0.75" bottom="0.75" header="0.3" footer="0.3"/>
  <pageSetup paperSize="9" scale="8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一人当たり基準総所得金額</vt:lpstr>
      <vt:lpstr>一人当たり基準総所得金額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23:49:11Z</cp:lastPrinted>
  <dcterms:created xsi:type="dcterms:W3CDTF">2018-03-07T06:40:38Z</dcterms:created>
  <dcterms:modified xsi:type="dcterms:W3CDTF">2018-03-09T00:07:58Z</dcterms:modified>
</cp:coreProperties>
</file>